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6-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6-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llendoor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0D64D245-8B26-8017-5825-6B0B847E394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5519" y="4816352"/>
            <a:ext cx="2197156" cy="167423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E61D94B6-7C73-0F23-AE6D-AF92779B113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2859" y="3712021"/>
            <a:ext cx="2197156" cy="167423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2-06T08:41:47Z</dcterms:modified>
</cp:coreProperties>
</file>